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130"/>
  <workbookPr/>
  <mc:AlternateContent xmlns:mc="http://schemas.openxmlformats.org/markup-compatibility/2006">
    <mc:Choice Requires="x15">
      <x15ac:absPath xmlns:x15ac="http://schemas.microsoft.com/office/spreadsheetml/2010/11/ac" url="C:\Users\s438083\University of Canberra\UCX - Sharepoint - Documents\UC Life\Club Management\Admin\Finance\"/>
    </mc:Choice>
  </mc:AlternateContent>
  <xr:revisionPtr revIDLastSave="10" documentId="11_31227D54D9CD80237DDC99080166A4A29C2CB523" xr6:coauthVersionLast="45" xr6:coauthVersionMax="45" xr10:uidLastSave="{5E28CC0E-694B-4706-B3C5-863DCEEED11D}"/>
  <bookViews>
    <workbookView xWindow="28680" yWindow="-120" windowWidth="29040" windowHeight="15840" tabRatio="500" xr2:uid="{00000000-000D-0000-FFFF-FFFF00000000}"/>
  </bookViews>
  <sheets>
    <sheet name="Sheet1" sheetId="1" r:id="rId1"/>
  </sheets>
  <calcPr calcId="191029" concurrentCalc="0"/>
  <extLst>
    <ext xmlns:x14="http://schemas.microsoft.com/office/spreadsheetml/2009/9/main" uri="{79F54976-1DA5-4618-B147-4CDE4B953A38}">
      <x14:workbookPr defaultImageDpi="32767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E31" i="1" l="1"/>
  <c r="E32" i="1"/>
  <c r="E14" i="1"/>
  <c r="E15" i="1"/>
  <c r="E20" i="1"/>
  <c r="E27" i="1"/>
  <c r="E28" i="1"/>
  <c r="E29" i="1"/>
  <c r="E30" i="1"/>
  <c r="E33" i="1"/>
  <c r="E34" i="1"/>
  <c r="E35" i="1"/>
  <c r="E36" i="1"/>
  <c r="E37" i="1"/>
  <c r="E38" i="1"/>
  <c r="E39" i="1"/>
  <c r="E8" i="1"/>
  <c r="E9" i="1"/>
  <c r="E10" i="1"/>
  <c r="E11" i="1"/>
  <c r="E12" i="1"/>
  <c r="E13" i="1"/>
  <c r="E16" i="1"/>
  <c r="E17" i="1"/>
  <c r="E18" i="1"/>
  <c r="E19" i="1"/>
  <c r="E21" i="1"/>
  <c r="E22" i="1"/>
  <c r="E23" i="1"/>
  <c r="E42" i="1"/>
</calcChain>
</file>

<file path=xl/sharedStrings.xml><?xml version="1.0" encoding="utf-8"?>
<sst xmlns="http://schemas.openxmlformats.org/spreadsheetml/2006/main" count="17" uniqueCount="13">
  <si>
    <t>Expenses</t>
  </si>
  <si>
    <t>Quantity</t>
  </si>
  <si>
    <t>Total</t>
  </si>
  <si>
    <t>Details</t>
  </si>
  <si>
    <t>Income</t>
  </si>
  <si>
    <t>TOTAL EXPENSES</t>
  </si>
  <si>
    <t>TOTAL INCOME</t>
  </si>
  <si>
    <t>PROFIT/LOSS</t>
  </si>
  <si>
    <t>Event Name</t>
  </si>
  <si>
    <t>Date</t>
  </si>
  <si>
    <t>Location</t>
  </si>
  <si>
    <t>Expected numbers</t>
  </si>
  <si>
    <t>Amou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-&quot;$&quot;* #,##0.00_-;\-&quot;$&quot;* #,##0.00_-;_-&quot;$&quot;* &quot;-&quot;??_-;_-@_-"/>
    <numFmt numFmtId="164" formatCode="_(&quot;$&quot;* #,##0.00_);_(&quot;$&quot;* \(#,##0.00\);_(&quot;$&quot;* &quot;-&quot;??_);_(@_)"/>
    <numFmt numFmtId="167" formatCode="&quot;$&quot;#,##0.00"/>
  </numFmts>
  <fonts count="4"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2"/>
      <color theme="1"/>
      <name val="Calibri (Body)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</borders>
  <cellStyleXfs count="2">
    <xf numFmtId="0" fontId="0" fillId="0" borderId="0"/>
    <xf numFmtId="164" fontId="1" fillId="0" borderId="0" applyFont="0" applyFill="0" applyBorder="0" applyAlignment="0" applyProtection="0"/>
  </cellStyleXfs>
  <cellXfs count="24">
    <xf numFmtId="0" fontId="0" fillId="0" borderId="0" xfId="0"/>
    <xf numFmtId="164" fontId="0" fillId="0" borderId="0" xfId="1" applyFont="1"/>
    <xf numFmtId="0" fontId="0" fillId="0" borderId="1" xfId="0" applyBorder="1"/>
    <xf numFmtId="0" fontId="0" fillId="0" borderId="3" xfId="0" applyBorder="1"/>
    <xf numFmtId="0" fontId="2" fillId="0" borderId="1" xfId="0" applyFont="1" applyBorder="1"/>
    <xf numFmtId="0" fontId="2" fillId="0" borderId="3" xfId="0" applyFont="1" applyBorder="1"/>
    <xf numFmtId="0" fontId="2" fillId="0" borderId="2" xfId="0" applyFont="1" applyBorder="1"/>
    <xf numFmtId="0" fontId="3" fillId="0" borderId="5" xfId="0" applyFont="1" applyFill="1" applyBorder="1"/>
    <xf numFmtId="0" fontId="0" fillId="0" borderId="7" xfId="0" applyBorder="1"/>
    <xf numFmtId="0" fontId="0" fillId="0" borderId="9" xfId="0" applyBorder="1"/>
    <xf numFmtId="164" fontId="0" fillId="0" borderId="2" xfId="0" applyNumberFormat="1" applyFont="1" applyBorder="1"/>
    <xf numFmtId="0" fontId="0" fillId="0" borderId="0" xfId="1" applyNumberFormat="1" applyFont="1"/>
    <xf numFmtId="0" fontId="0" fillId="0" borderId="2" xfId="0" applyNumberFormat="1" applyFont="1" applyBorder="1"/>
    <xf numFmtId="0" fontId="0" fillId="0" borderId="0" xfId="0" applyNumberFormat="1"/>
    <xf numFmtId="44" fontId="0" fillId="0" borderId="2" xfId="0" applyNumberFormat="1" applyFont="1" applyBorder="1"/>
    <xf numFmtId="0" fontId="0" fillId="0" borderId="11" xfId="0" applyBorder="1" applyAlignment="1">
      <alignment horizontal="center"/>
    </xf>
    <xf numFmtId="0" fontId="0" fillId="0" borderId="6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10" xfId="0" applyBorder="1" applyAlignment="1">
      <alignment horizontal="center"/>
    </xf>
    <xf numFmtId="164" fontId="1" fillId="0" borderId="2" xfId="0" applyNumberFormat="1" applyFont="1" applyBorder="1"/>
    <xf numFmtId="44" fontId="1" fillId="0" borderId="2" xfId="0" applyNumberFormat="1" applyFont="1" applyBorder="1"/>
    <xf numFmtId="167" fontId="2" fillId="0" borderId="2" xfId="1" applyNumberFormat="1" applyFont="1" applyBorder="1"/>
  </cellXfs>
  <cellStyles count="2">
    <cellStyle name="Currency" xfId="1" builtinId="4"/>
    <cellStyle name="Normal" xfId="0" builtinId="0"/>
  </cellStyles>
  <dxfs count="14">
    <dxf>
      <border diagonalUp="0" diagonalDown="0" outline="0">
        <left/>
        <right style="medium">
          <color auto="1"/>
        </right>
        <top style="medium">
          <color auto="1"/>
        </top>
        <bottom style="medium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Calibri"/>
        <family val="2"/>
        <scheme val="minor"/>
      </font>
      <numFmt numFmtId="34" formatCode="_-&quot;$&quot;* #,##0.00_-;\-&quot;$&quot;* #,##0.00_-;_-&quot;$&quot;* &quot;-&quot;??_-;_-@_-"/>
      <border diagonalUp="0" diagonalDown="0" outline="0">
        <left/>
        <right/>
        <top style="medium">
          <color auto="1"/>
        </top>
        <bottom style="medium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Calibri"/>
        <family val="2"/>
        <scheme val="minor"/>
      </font>
      <border diagonalUp="0" diagonalDown="0" outline="0">
        <left/>
        <right/>
        <top style="medium">
          <color auto="1"/>
        </top>
        <bottom style="medium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Calibri"/>
        <family val="2"/>
        <scheme val="minor"/>
      </font>
      <border diagonalUp="0" diagonalDown="0" outline="0">
        <left/>
        <right/>
        <top style="medium">
          <color auto="1"/>
        </top>
        <bottom style="medium">
          <color auto="1"/>
        </bottom>
      </border>
    </dxf>
    <dxf>
      <border diagonalUp="0" diagonalDown="0" outline="0">
        <left style="medium">
          <color auto="1"/>
        </left>
        <right/>
        <top style="medium">
          <color auto="1"/>
        </top>
        <bottom style="medium">
          <color auto="1"/>
        </bottom>
      </border>
    </dxf>
    <dxf>
      <border diagonalUp="0" diagonalDown="0" outline="0">
        <left/>
        <right style="medium">
          <color auto="1"/>
        </right>
        <top style="medium">
          <color auto="1"/>
        </top>
        <bottom style="medium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Calibri"/>
        <family val="2"/>
        <scheme val="minor"/>
      </font>
      <numFmt numFmtId="34" formatCode="_-&quot;$&quot;* #,##0.00_-;\-&quot;$&quot;* #,##0.00_-;_-&quot;$&quot;* &quot;-&quot;??_-;_-@_-"/>
      <border diagonalUp="0" diagonalDown="0" outline="0">
        <left/>
        <right/>
        <top style="medium">
          <color auto="1"/>
        </top>
        <bottom style="medium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Calibri"/>
        <family val="2"/>
        <scheme val="minor"/>
      </font>
      <numFmt numFmtId="164" formatCode="_(&quot;$&quot;* #,##0.00_);_(&quot;$&quot;* \(#,##0.00\);_(&quot;$&quot;* &quot;-&quot;??_);_(@_)"/>
      <border diagonalUp="0" diagonalDown="0" outline="0">
        <left/>
        <right/>
        <top style="medium">
          <color auto="1"/>
        </top>
        <bottom style="medium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Calibri"/>
        <family val="2"/>
        <scheme val="minor"/>
      </font>
      <numFmt numFmtId="0" formatCode="General"/>
      <border diagonalUp="0" diagonalDown="0" outline="0">
        <left/>
        <right/>
        <top style="medium">
          <color auto="1"/>
        </top>
        <bottom style="medium">
          <color auto="1"/>
        </bottom>
      </border>
    </dxf>
    <dxf>
      <border diagonalUp="0" diagonalDown="0" outline="0">
        <left style="medium">
          <color auto="1"/>
        </left>
        <right/>
        <top style="medium">
          <color auto="1"/>
        </top>
        <bottom style="medium">
          <color auto="1"/>
        </bottom>
      </border>
    </dxf>
    <dxf>
      <numFmt numFmtId="0" formatCode="General"/>
    </dxf>
    <dxf>
      <border>
        <top style="medium">
          <color indexed="64"/>
        </top>
      </border>
    </dxf>
    <dxf>
      <numFmt numFmtId="0" formatCode="General"/>
    </dxf>
    <dxf>
      <border>
        <top style="medium">
          <color indexed="64"/>
        </top>
      </border>
    </dxf>
  </dxfs>
  <tableStyles count="0" defaultTableStyle="TableStyleMedium9" defaultPivotStyle="PivotStyleMedium7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Table1" displayName="Table1" ref="B7:F23" totalsRowCount="1" totalsRowBorderDxfId="13">
  <autoFilter ref="B7:F22" xr:uid="{00000000-0009-0000-0100-000001000000}"/>
  <sortState xmlns:xlrd2="http://schemas.microsoft.com/office/spreadsheetml/2017/richdata2" ref="B4:F15">
    <sortCondition ref="B3:B15"/>
  </sortState>
  <tableColumns count="5">
    <tableColumn id="1" xr3:uid="{00000000-0010-0000-0000-000001000000}" name="Expenses" totalsRowDxfId="9"/>
    <tableColumn id="2" xr3:uid="{00000000-0010-0000-0000-000002000000}" name="Quantity" dataDxfId="12" totalsRowDxfId="8" dataCellStyle="Currency"/>
    <tableColumn id="3" xr3:uid="{00000000-0010-0000-0000-000003000000}" name="Amount" totalsRowDxfId="7" dataCellStyle="Currency"/>
    <tableColumn id="4" xr3:uid="{00000000-0010-0000-0000-000004000000}" name="Total" totalsRowFunction="custom" totalsRowDxfId="6" dataCellStyle="Currency">
      <calculatedColumnFormula>Table1[[#This Row],[Quantity]]*Table1[[#This Row],[Amount]]</calculatedColumnFormula>
      <totalsRowFormula>SUM(Table1[Total])</totalsRowFormula>
    </tableColumn>
    <tableColumn id="5" xr3:uid="{00000000-0010-0000-0000-000005000000}" name="Details" totalsRowLabel="TOTAL EXPENSES" totalsRowDxfId="5"/>
  </tableColumns>
  <tableStyleInfo name="TableStyleLight9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00000000-000C-0000-FFFF-FFFF01000000}" name="Table13" displayName="Table13" ref="B26:F39" totalsRowCount="1" totalsRowBorderDxfId="11">
  <autoFilter ref="B26:F38" xr:uid="{00000000-0009-0000-0100-000002000000}"/>
  <sortState xmlns:xlrd2="http://schemas.microsoft.com/office/spreadsheetml/2017/richdata2" ref="B20:F31">
    <sortCondition ref="B3:B15"/>
  </sortState>
  <tableColumns count="5">
    <tableColumn id="1" xr3:uid="{00000000-0010-0000-0100-000001000000}" name="Income" totalsRowDxfId="4"/>
    <tableColumn id="2" xr3:uid="{00000000-0010-0000-0100-000002000000}" name="Quantity" dataDxfId="10" totalsRowDxfId="3" dataCellStyle="Currency" totalsRowCellStyle="Currency"/>
    <tableColumn id="3" xr3:uid="{00000000-0010-0000-0100-000003000000}" name="Amount" totalsRowDxfId="2" dataCellStyle="Currency" totalsRowCellStyle="Currency"/>
    <tableColumn id="4" xr3:uid="{00000000-0010-0000-0100-000004000000}" name="Total" totalsRowFunction="custom" totalsRowDxfId="1" dataCellStyle="Currency" totalsRowCellStyle="Currency">
      <calculatedColumnFormula>Table13[[#This Row],[Quantity]]*Table13[[#This Row],[Amount]]</calculatedColumnFormula>
      <totalsRowFormula>SUM(Table13[Total])</totalsRowFormula>
    </tableColumn>
    <tableColumn id="5" xr3:uid="{00000000-0010-0000-0100-000005000000}" name="Details" totalsRowLabel="TOTAL INCOME" totalsRowDxfId="0"/>
  </tableColumns>
  <tableStyleInfo name="TableStyleLight9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2.xml"/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F42"/>
  <sheetViews>
    <sheetView tabSelected="1" workbookViewId="0">
      <selection activeCell="F46" sqref="F46"/>
    </sheetView>
  </sheetViews>
  <sheetFormatPr defaultColWidth="11" defaultRowHeight="15.6"/>
  <cols>
    <col min="1" max="1" width="3.3984375" customWidth="1"/>
    <col min="2" max="2" width="16.59765625" customWidth="1"/>
    <col min="4" max="4" width="11.09765625" customWidth="1"/>
    <col min="5" max="5" width="11" customWidth="1"/>
    <col min="6" max="6" width="44.09765625" customWidth="1"/>
  </cols>
  <sheetData>
    <row r="1" spans="2:6" ht="16.2" thickBot="1"/>
    <row r="2" spans="2:6">
      <c r="B2" s="7" t="s">
        <v>8</v>
      </c>
      <c r="C2" s="15"/>
      <c r="D2" s="15"/>
      <c r="E2" s="16"/>
    </row>
    <row r="3" spans="2:6">
      <c r="B3" s="8" t="s">
        <v>9</v>
      </c>
      <c r="C3" s="17"/>
      <c r="D3" s="17"/>
      <c r="E3" s="18"/>
    </row>
    <row r="4" spans="2:6">
      <c r="B4" s="8" t="s">
        <v>10</v>
      </c>
      <c r="C4" s="17"/>
      <c r="D4" s="17"/>
      <c r="E4" s="18"/>
    </row>
    <row r="5" spans="2:6" ht="16.2" thickBot="1">
      <c r="B5" s="9" t="s">
        <v>11</v>
      </c>
      <c r="C5" s="19"/>
      <c r="D5" s="19"/>
      <c r="E5" s="20"/>
    </row>
    <row r="7" spans="2:6">
      <c r="B7" t="s">
        <v>0</v>
      </c>
      <c r="C7" s="1" t="s">
        <v>1</v>
      </c>
      <c r="D7" s="1" t="s">
        <v>12</v>
      </c>
      <c r="E7" s="1" t="s">
        <v>2</v>
      </c>
      <c r="F7" t="s">
        <v>3</v>
      </c>
    </row>
    <row r="8" spans="2:6">
      <c r="C8" s="11"/>
      <c r="D8" s="1"/>
      <c r="E8" s="1">
        <f>Table1[[#This Row],[Quantity]]*Table1[[#This Row],[Amount]]</f>
        <v>0</v>
      </c>
    </row>
    <row r="9" spans="2:6">
      <c r="C9" s="11"/>
      <c r="D9" s="1"/>
      <c r="E9" s="1">
        <f>Table1[[#This Row],[Quantity]]*Table1[[#This Row],[Amount]]</f>
        <v>0</v>
      </c>
    </row>
    <row r="10" spans="2:6">
      <c r="C10" s="11"/>
      <c r="D10" s="1"/>
      <c r="E10" s="1">
        <f>Table1[[#This Row],[Quantity]]*Table1[[#This Row],[Amount]]</f>
        <v>0</v>
      </c>
    </row>
    <row r="11" spans="2:6">
      <c r="C11" s="11"/>
      <c r="D11" s="1"/>
      <c r="E11" s="1">
        <f>Table1[[#This Row],[Quantity]]*Table1[[#This Row],[Amount]]</f>
        <v>0</v>
      </c>
    </row>
    <row r="12" spans="2:6">
      <c r="C12" s="11"/>
      <c r="D12" s="1"/>
      <c r="E12" s="1">
        <f>Table1[[#This Row],[Quantity]]*Table1[[#This Row],[Amount]]</f>
        <v>0</v>
      </c>
    </row>
    <row r="13" spans="2:6">
      <c r="C13" s="11"/>
      <c r="D13" s="1"/>
      <c r="E13" s="1">
        <f>Table1[[#This Row],[Quantity]]*Table1[[#This Row],[Amount]]</f>
        <v>0</v>
      </c>
    </row>
    <row r="14" spans="2:6" ht="17.100000000000001" customHeight="1">
      <c r="C14" s="11"/>
      <c r="D14" s="1"/>
      <c r="E14" s="1">
        <f>Table1[[#This Row],[Quantity]]*Table1[[#This Row],[Amount]]</f>
        <v>0</v>
      </c>
    </row>
    <row r="15" spans="2:6" ht="17.100000000000001" customHeight="1">
      <c r="C15" s="11"/>
      <c r="D15" s="1"/>
      <c r="E15" s="1">
        <f>Table1[[#This Row],[Quantity]]*Table1[[#This Row],[Amount]]</f>
        <v>0</v>
      </c>
    </row>
    <row r="16" spans="2:6" ht="17.100000000000001" customHeight="1">
      <c r="C16" s="11"/>
      <c r="D16" s="1"/>
      <c r="E16" s="1">
        <f>Table1[[#This Row],[Quantity]]*Table1[[#This Row],[Amount]]</f>
        <v>0</v>
      </c>
    </row>
    <row r="17" spans="2:6" ht="17.100000000000001" customHeight="1">
      <c r="C17" s="11"/>
      <c r="D17" s="1"/>
      <c r="E17" s="1">
        <f>Table1[[#This Row],[Quantity]]*Table1[[#This Row],[Amount]]</f>
        <v>0</v>
      </c>
    </row>
    <row r="18" spans="2:6" ht="17.100000000000001" customHeight="1">
      <c r="C18" s="11"/>
      <c r="D18" s="1"/>
      <c r="E18" s="1">
        <f>Table1[[#This Row],[Quantity]]*Table1[[#This Row],[Amount]]</f>
        <v>0</v>
      </c>
    </row>
    <row r="19" spans="2:6" ht="17.100000000000001" customHeight="1">
      <c r="C19" s="11"/>
      <c r="D19" s="1"/>
      <c r="E19" s="1">
        <f>Table1[[#This Row],[Quantity]]*Table1[[#This Row],[Amount]]</f>
        <v>0</v>
      </c>
    </row>
    <row r="20" spans="2:6" ht="17.100000000000001" customHeight="1">
      <c r="C20" s="11"/>
      <c r="D20" s="1"/>
      <c r="E20" s="1">
        <f>Table1[[#This Row],[Quantity]]*Table1[[#This Row],[Amount]]</f>
        <v>0</v>
      </c>
    </row>
    <row r="21" spans="2:6" ht="17.100000000000001" customHeight="1">
      <c r="C21" s="11"/>
      <c r="D21" s="1"/>
      <c r="E21" s="1">
        <f>Table1[[#This Row],[Quantity]]*Table1[[#This Row],[Amount]]</f>
        <v>0</v>
      </c>
    </row>
    <row r="22" spans="2:6" ht="17.100000000000001" customHeight="1" thickBot="1">
      <c r="C22" s="11"/>
      <c r="D22" s="1"/>
      <c r="E22" s="1">
        <f>Table1[[#This Row],[Quantity]]*Table1[[#This Row],[Amount]]</f>
        <v>0</v>
      </c>
    </row>
    <row r="23" spans="2:6" ht="16.2" thickBot="1">
      <c r="B23" s="2"/>
      <c r="C23" s="12"/>
      <c r="D23" s="10"/>
      <c r="E23" s="14">
        <f>SUM(Table1[Total])</f>
        <v>0</v>
      </c>
      <c r="F23" s="3" t="s">
        <v>5</v>
      </c>
    </row>
    <row r="24" spans="2:6">
      <c r="C24" s="13"/>
    </row>
    <row r="25" spans="2:6">
      <c r="C25" s="13"/>
    </row>
    <row r="26" spans="2:6">
      <c r="B26" t="s">
        <v>4</v>
      </c>
      <c r="C26" s="11" t="s">
        <v>1</v>
      </c>
      <c r="D26" s="1" t="s">
        <v>12</v>
      </c>
      <c r="E26" s="1" t="s">
        <v>2</v>
      </c>
      <c r="F26" t="s">
        <v>3</v>
      </c>
    </row>
    <row r="27" spans="2:6">
      <c r="C27" s="11"/>
      <c r="D27" s="1"/>
      <c r="E27" s="1">
        <f>Table13[[#This Row],[Quantity]]*Table13[[#This Row],[Amount]]</f>
        <v>0</v>
      </c>
    </row>
    <row r="28" spans="2:6">
      <c r="C28" s="11"/>
      <c r="D28" s="1"/>
      <c r="E28" s="1">
        <f>Table13[[#This Row],[Quantity]]*Table13[[#This Row],[Amount]]</f>
        <v>0</v>
      </c>
    </row>
    <row r="29" spans="2:6">
      <c r="C29" s="11"/>
      <c r="D29" s="1"/>
      <c r="E29" s="1">
        <f>Table13[[#This Row],[Quantity]]*Table13[[#This Row],[Amount]]</f>
        <v>0</v>
      </c>
    </row>
    <row r="30" spans="2:6">
      <c r="C30" s="11"/>
      <c r="D30" s="1"/>
      <c r="E30" s="1">
        <f>Table13[[#This Row],[Quantity]]*Table13[[#This Row],[Amount]]</f>
        <v>0</v>
      </c>
    </row>
    <row r="31" spans="2:6">
      <c r="C31" s="11"/>
      <c r="D31" s="1"/>
      <c r="E31" s="1">
        <f>Table13[[#This Row],[Quantity]]*Table13[[#This Row],[Amount]]</f>
        <v>0</v>
      </c>
    </row>
    <row r="32" spans="2:6">
      <c r="C32" s="11"/>
      <c r="D32" s="1"/>
      <c r="E32" s="1">
        <f>Table13[[#This Row],[Quantity]]*Table13[[#This Row],[Amount]]</f>
        <v>0</v>
      </c>
    </row>
    <row r="33" spans="2:6">
      <c r="C33" s="11"/>
      <c r="D33" s="1"/>
      <c r="E33" s="1">
        <f>Table13[[#This Row],[Quantity]]*Table13[[#This Row],[Amount]]</f>
        <v>0</v>
      </c>
    </row>
    <row r="34" spans="2:6">
      <c r="C34" s="11"/>
      <c r="D34" s="1"/>
      <c r="E34" s="1">
        <f>Table13[[#This Row],[Quantity]]*Table13[[#This Row],[Amount]]</f>
        <v>0</v>
      </c>
    </row>
    <row r="35" spans="2:6">
      <c r="C35" s="11"/>
      <c r="D35" s="1"/>
      <c r="E35" s="1">
        <f>Table13[[#This Row],[Quantity]]*Table13[[#This Row],[Amount]]</f>
        <v>0</v>
      </c>
    </row>
    <row r="36" spans="2:6">
      <c r="C36" s="11"/>
      <c r="D36" s="1"/>
      <c r="E36" s="1">
        <f>Table13[[#This Row],[Quantity]]*Table13[[#This Row],[Amount]]</f>
        <v>0</v>
      </c>
    </row>
    <row r="37" spans="2:6">
      <c r="C37" s="11"/>
      <c r="D37" s="1"/>
      <c r="E37" s="1">
        <f>Table13[[#This Row],[Quantity]]*Table13[[#This Row],[Amount]]</f>
        <v>0</v>
      </c>
    </row>
    <row r="38" spans="2:6" ht="16.2" thickBot="1">
      <c r="C38" s="11"/>
      <c r="D38" s="1"/>
      <c r="E38" s="1">
        <f>Table13[[#This Row],[Quantity]]*Table13[[#This Row],[Amount]]</f>
        <v>0</v>
      </c>
    </row>
    <row r="39" spans="2:6" ht="16.2" thickBot="1">
      <c r="B39" s="2"/>
      <c r="C39" s="21"/>
      <c r="D39" s="21"/>
      <c r="E39" s="22">
        <f>SUM(Table13[Total])</f>
        <v>0</v>
      </c>
      <c r="F39" s="3" t="s">
        <v>6</v>
      </c>
    </row>
    <row r="41" spans="2:6" ht="16.2" thickBot="1"/>
    <row r="42" spans="2:6" ht="16.2" thickBot="1">
      <c r="B42" s="4"/>
      <c r="C42" s="6"/>
      <c r="D42" s="6"/>
      <c r="E42" s="23">
        <f>Table13[[#Totals],[Total]]-Table1[[#Totals],[Total]]</f>
        <v>0</v>
      </c>
      <c r="F42" s="5" t="s">
        <v>7</v>
      </c>
    </row>
  </sheetData>
  <sortState xmlns:xlrd2="http://schemas.microsoft.com/office/spreadsheetml/2017/richdata2" ref="B5:B12">
    <sortCondition ref="B4"/>
  </sortState>
  <mergeCells count="4">
    <mergeCell ref="C2:E2"/>
    <mergeCell ref="C3:E3"/>
    <mergeCell ref="C4:E4"/>
    <mergeCell ref="C5:E5"/>
  </mergeCells>
  <pageMargins left="0.7" right="0.7" top="0.75" bottom="0.75" header="0.3" footer="0.3"/>
  <tableParts count="2">
    <tablePart r:id="rId1"/>
    <tablePart r:id="rId2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36166E44398AA41B8D945CCCF1450EF" ma:contentTypeVersion="13" ma:contentTypeDescription="Create a new document." ma:contentTypeScope="" ma:versionID="309f28be68b5c9fa6a6e592359bba2d8">
  <xsd:schema xmlns:xsd="http://www.w3.org/2001/XMLSchema" xmlns:xs="http://www.w3.org/2001/XMLSchema" xmlns:p="http://schemas.microsoft.com/office/2006/metadata/properties" xmlns:ns2="45e15f48-752a-472d-ba85-0e9c9775eb29" xmlns:ns3="d9d6e44e-d59f-4581-8deb-58f4876a9413" targetNamespace="http://schemas.microsoft.com/office/2006/metadata/properties" ma:root="true" ma:fieldsID="b1a77aa9575f736d8b1fc1c5b38e7cc4" ns2:_="" ns3:_="">
    <xsd:import namespace="45e15f48-752a-472d-ba85-0e9c9775eb29"/>
    <xsd:import namespace="d9d6e44e-d59f-4581-8deb-58f4876a941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3:SharedWithUsers" minOccurs="0"/>
                <xsd:element ref="ns3:SharedWithDetails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5e15f48-752a-472d-ba85-0e9c9775eb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Location" ma:internalName="MediaServiceLocation" ma:readOnly="true">
      <xsd:simpleType>
        <xsd:restriction base="dms:Text"/>
      </xsd:simpleType>
    </xsd:element>
    <xsd:element name="MediaServiceAutoKeyPoints" ma:index="18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9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9d6e44e-d59f-4581-8deb-58f4876a9413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4C1A4717-B2DE-49A5-B110-3EF303167E5B}"/>
</file>

<file path=customXml/itemProps2.xml><?xml version="1.0" encoding="utf-8"?>
<ds:datastoreItem xmlns:ds="http://schemas.openxmlformats.org/officeDocument/2006/customXml" ds:itemID="{954258EE-7A40-41CF-AD14-34D95C547EE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E27C14F2-B692-4E40-9B7B-68E05867DE8F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Andrew.Giumelli</cp:lastModifiedBy>
  <dcterms:created xsi:type="dcterms:W3CDTF">2017-08-24T06:34:40Z</dcterms:created>
  <dcterms:modified xsi:type="dcterms:W3CDTF">2020-02-27T00:09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36166E44398AA41B8D945CCCF1450EF</vt:lpwstr>
  </property>
</Properties>
</file>